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08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8EDE75-9153-4D70-B0A5-9D4B484B081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5F35336-2C3E-0F8B-BD47-F998067D8F1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00254A-6887-1EF2-C970-0DC96545CB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AF6D64-67F2-EC4F-69E6-EE9EF8F0B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0191BA-F96A-0987-D0F1-18B89C8A82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0248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654BDD-2D4B-AB17-F110-51FFB38B7B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230764-7653-44AE-525F-33600E1EBE7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ED8782-CE5B-CFE9-1AA1-DABD555F27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C7D405-6248-C130-C0DF-077A56B081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49B8B6-FCD9-EDC7-D2E1-04B5903D2F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00364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B413E31-CAC3-2A00-622E-D6461A67F98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9457B25-B0BC-D64E-E100-820B2CE1C7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048B69-7776-F24D-0F42-D8455E185C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7AE8BE-7B51-04C5-C4C2-637F0CD05D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7A4966-D608-A6BE-5F05-FC381725C1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90735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8B7FD3-75BE-C3BA-5BAE-84A9BC3202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AE6085-70EC-9E43-2D48-1F5EB48D2F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F4903EA-84FF-5180-D9E4-79D962B613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B3B5A0-D0E1-038D-7B4A-70ADEE331D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8D9F77-0F1B-0E22-7BF2-43E09484B2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42071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160D60-CF65-85F0-7C4A-562E4BB819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46C5AC8-FC4A-F190-087B-0E9A456A3A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1B99A2-CF74-56D1-AD28-03BC291219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618867-AC85-72C3-8F1D-4896CDFB5C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55B4CE-C86A-73BE-4A5E-FFEF3B8C2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97534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B055DF-A27C-084B-806D-39D9E7C606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EF80EE-5871-CC6A-3ACD-B4F174FB62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1794500-A353-4D15-CE7A-66FF073726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D53C5F-F8B9-47A1-2DFD-80C517F3CE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7E2057C-855E-CC0B-1411-A2E81D95C1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FC7D2D8-75C0-BB2A-1C6C-2E72C9ECB3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2886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91D97F-A6D5-792F-A2A9-C101538AD9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C9CA9A-4330-C4D0-D1FC-A46E03263A6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A4CF76-6D91-BB59-9C68-F8BB0AF853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750933A-3E4E-463B-2712-BF708222F83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4613462-43B9-A795-D77B-EDF2A656803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5FEEE92-EE28-0BDC-32C6-F0814C0FB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A6142C-435F-F1E9-E4F9-0E455BC8B0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E18196F-263D-91D0-0F91-8E7C0894F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4052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2FF282-D5D0-E261-D5C6-472643B022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1E116-B0B8-E0BE-5761-7D7B80CBB0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2E23ECE-9704-7B9E-005E-F5D2F83A99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3778176-B9F6-1781-4A25-C9B322495C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85788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4C2F66-D5E6-70B3-5B1F-E6BBC86B07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35AF0E5-4C35-F814-3391-0EE8F7E924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388438B-2128-E537-92A6-81F9A1461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88512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61E053-12C7-1A75-8A66-DC564CAA6B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E1AFFB-7AEE-2235-0751-81EC6D39859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4E1FC41-CD47-0351-87F8-177238E2EE2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0729C0-64CE-6C80-E021-938D50AFAC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DFC8BE-4306-FD1E-7B42-F8C8C54522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713A8F3-5139-482A-B230-3B88347798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19860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6E6A27-7E0A-67B1-5FBA-A2FA6A58AE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D25787C-658F-785D-47F9-A7A8A3D6DD2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9CC3051-A609-4361-C28B-468DF3621E5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6D88A6-8325-FE0F-5242-9847CE4615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3FDF35A-F59D-3ABE-0345-D0E6C348B4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008822-954D-068B-5A10-C68DD93D95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17594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2EAA5F-CD2B-2E40-EF09-FD3404500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7B2D049-4A90-3695-15EB-43C4021B18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DEEFF8-EB83-C168-D69C-E07A6EA25D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B60E754-DA4C-4F51-9A94-E63F7A2384C5}" type="datetimeFigureOut">
              <a:rPr lang="en-US" smtClean="0"/>
              <a:t>10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19C300-D4FE-6CE5-83E1-B2BD662509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ED2D6C-6DC8-60F0-829D-CC06D1910EE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E0CA545-C248-4EC2-8B47-74399A5592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45933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OTLSHAPE_SL_40d56231f14640739f65a13e62b4dae3_BackgroundRectangle">
            <a:extLst>
              <a:ext uri="{FF2B5EF4-FFF2-40B4-BE49-F238E27FC236}">
                <a16:creationId xmlns:a16="http://schemas.microsoft.com/office/drawing/2014/main" id="{122260B8-3273-C3FC-E410-F58171623A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36022"/>
            <a:ext cx="11290300" cy="1587331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fe42fe17de2146dcac944cf499a0e37c_BackgroundRectangle">
            <a:extLst>
              <a:ext uri="{FF2B5EF4-FFF2-40B4-BE49-F238E27FC236}">
                <a16:creationId xmlns:a16="http://schemas.microsoft.com/office/drawing/2014/main" id="{0018E491-1CF5-F12C-985D-B2829C0DE25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48752"/>
            <a:ext cx="11290300" cy="417237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67fae15222954fa18572dc11f6e9f9dd_BackgroundRectangle">
            <a:extLst>
              <a:ext uri="{FF2B5EF4-FFF2-40B4-BE49-F238E27FC236}">
                <a16:creationId xmlns:a16="http://schemas.microsoft.com/office/drawing/2014/main" id="{431CF8E1-78BF-0837-C74C-BF1914685E3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91390"/>
            <a:ext cx="11290300" cy="1933787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3ae824a22a554df691c77ddf5b0a4169_BackgroundRectangle">
            <a:extLst>
              <a:ext uri="{FF2B5EF4-FFF2-40B4-BE49-F238E27FC236}">
                <a16:creationId xmlns:a16="http://schemas.microsoft.com/office/drawing/2014/main" id="{C6A0AD9B-861B-D3B5-E37E-9D6348D77CF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6050576"/>
            <a:ext cx="11290300" cy="417237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M_b0758e31528948e0bb0887938f035d6d_Connector1">
            <a:extLst>
              <a:ext uri="{FF2B5EF4-FFF2-40B4-BE49-F238E27FC236}">
                <a16:creationId xmlns:a16="http://schemas.microsoft.com/office/drawing/2014/main" id="{043BC2E4-5A94-50F9-F7C8-DABCF7105A4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41428" y="316645"/>
            <a:ext cx="0" cy="113115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d87c232b134248c68986dc34c22537a4_Connector1">
            <a:extLst>
              <a:ext uri="{FF2B5EF4-FFF2-40B4-BE49-F238E27FC236}">
                <a16:creationId xmlns:a16="http://schemas.microsoft.com/office/drawing/2014/main" id="{0EBAD5B3-F1D4-F8F1-5B56-8B01921CDE9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548572" y="1004231"/>
            <a:ext cx="0" cy="44356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0ee44462858d4524ab8b47cc3098de83_Connector1">
            <a:extLst>
              <a:ext uri="{FF2B5EF4-FFF2-40B4-BE49-F238E27FC236}">
                <a16:creationId xmlns:a16="http://schemas.microsoft.com/office/drawing/2014/main" id="{1C5EDA01-7943-DEFB-FA22-B0F318B8A38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383062" y="574294"/>
            <a:ext cx="0" cy="31656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6e21816e34c947b8a77a4ec609acd070_Connector1">
            <a:extLst>
              <a:ext uri="{FF2B5EF4-FFF2-40B4-BE49-F238E27FC236}">
                <a16:creationId xmlns:a16="http://schemas.microsoft.com/office/drawing/2014/main" id="{21873369-0128-D253-B9A8-BC107D9C4F1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001636" y="1004231"/>
            <a:ext cx="0" cy="44356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9152ea47c58b40bcb511cfc8c9299484_Connector1">
            <a:extLst>
              <a:ext uri="{FF2B5EF4-FFF2-40B4-BE49-F238E27FC236}">
                <a16:creationId xmlns:a16="http://schemas.microsoft.com/office/drawing/2014/main" id="{53E4D9EB-37CD-BB53-5E92-BE759F86BD2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735312" y="1004232"/>
            <a:ext cx="0" cy="44356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323dcc12986647d38c3c3d3a2edbd4e0_Connector1">
            <a:extLst>
              <a:ext uri="{FF2B5EF4-FFF2-40B4-BE49-F238E27FC236}">
                <a16:creationId xmlns:a16="http://schemas.microsoft.com/office/drawing/2014/main" id="{9BBE565E-83CA-0CE4-20C7-DD6581457E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541026" y="316645"/>
            <a:ext cx="0" cy="574217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M_0ee44462858d4524ab8b47cc3098de83_Connector2">
            <a:extLst>
              <a:ext uri="{FF2B5EF4-FFF2-40B4-BE49-F238E27FC236}">
                <a16:creationId xmlns:a16="http://schemas.microsoft.com/office/drawing/2014/main" id="{566BEBE3-5C7D-A8C1-B8EF-1FCC1C3DF9E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383062" y="1061381"/>
            <a:ext cx="0" cy="3864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M_323dcc12986647d38c3c3d3a2edbd4e0_Connector2">
            <a:extLst>
              <a:ext uri="{FF2B5EF4-FFF2-40B4-BE49-F238E27FC236}">
                <a16:creationId xmlns:a16="http://schemas.microsoft.com/office/drawing/2014/main" id="{BC1F66A2-7FEA-774F-3194-CD268F5A347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541026" y="1061381"/>
            <a:ext cx="0" cy="3864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F16BC35-17E9-62C7-EB09-10F6BD78589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144780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40d56231f14640739f65a13e62b4dae3_HeaderRectangle">
            <a:extLst>
              <a:ext uri="{FF2B5EF4-FFF2-40B4-BE49-F238E27FC236}">
                <a16:creationId xmlns:a16="http://schemas.microsoft.com/office/drawing/2014/main" id="{A1B8E227-CEE3-A6D4-6831-4DA2A3E4EB0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036022"/>
            <a:ext cx="660400" cy="158733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fe42fe17de2146dcac944cf499a0e37c_HeaderRectangle">
            <a:extLst>
              <a:ext uri="{FF2B5EF4-FFF2-40B4-BE49-F238E27FC236}">
                <a16:creationId xmlns:a16="http://schemas.microsoft.com/office/drawing/2014/main" id="{DB43FFC5-3486-14CC-91E0-94F877FE2D1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648752"/>
            <a:ext cx="660400" cy="4172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67fae15222954fa18572dc11f6e9f9dd_HeaderRectangle">
            <a:extLst>
              <a:ext uri="{FF2B5EF4-FFF2-40B4-BE49-F238E27FC236}">
                <a16:creationId xmlns:a16="http://schemas.microsoft.com/office/drawing/2014/main" id="{76DF830D-BE42-850A-DB89-17276F6D890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091390"/>
            <a:ext cx="660400" cy="1933787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3ae824a22a554df691c77ddf5b0a4169_HeaderRectangle">
            <a:extLst>
              <a:ext uri="{FF2B5EF4-FFF2-40B4-BE49-F238E27FC236}">
                <a16:creationId xmlns:a16="http://schemas.microsoft.com/office/drawing/2014/main" id="{1BD47BD6-8FA3-0B2E-750E-DC598EFC013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6050576"/>
            <a:ext cx="660400" cy="417237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8" name="OTLSHAPE_G_00000000000000000000000000000000_ShapeBelow0">
            <a:extLst>
              <a:ext uri="{FF2B5EF4-FFF2-40B4-BE49-F238E27FC236}">
                <a16:creationId xmlns:a16="http://schemas.microsoft.com/office/drawing/2014/main" id="{0B97233B-9B53-0738-F56F-124031B5662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736507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1">
            <a:extLst>
              <a:ext uri="{FF2B5EF4-FFF2-40B4-BE49-F238E27FC236}">
                <a16:creationId xmlns:a16="http://schemas.microsoft.com/office/drawing/2014/main" id="{0D9BA437-F1D3-F533-050B-30344672936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542221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2">
            <a:extLst>
              <a:ext uri="{FF2B5EF4-FFF2-40B4-BE49-F238E27FC236}">
                <a16:creationId xmlns:a16="http://schemas.microsoft.com/office/drawing/2014/main" id="{FFA67764-842F-28EA-4008-34325771CFC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34263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3">
            <a:extLst>
              <a:ext uri="{FF2B5EF4-FFF2-40B4-BE49-F238E27FC236}">
                <a16:creationId xmlns:a16="http://schemas.microsoft.com/office/drawing/2014/main" id="{265BCD9E-4641-F945-6A99-0C3F32A1143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297529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4">
            <a:extLst>
              <a:ext uri="{FF2B5EF4-FFF2-40B4-BE49-F238E27FC236}">
                <a16:creationId xmlns:a16="http://schemas.microsoft.com/office/drawing/2014/main" id="{540658C7-857D-2D59-09E2-A57C793081A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189570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5">
            <a:extLst>
              <a:ext uri="{FF2B5EF4-FFF2-40B4-BE49-F238E27FC236}">
                <a16:creationId xmlns:a16="http://schemas.microsoft.com/office/drawing/2014/main" id="{524EFF33-CF11-229F-0FAA-38DDB073D56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052836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6">
            <a:extLst>
              <a:ext uri="{FF2B5EF4-FFF2-40B4-BE49-F238E27FC236}">
                <a16:creationId xmlns:a16="http://schemas.microsoft.com/office/drawing/2014/main" id="{B1E6C495-8AA2-64E2-B2E4-BD653E2A30D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944878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7">
            <a:extLst>
              <a:ext uri="{FF2B5EF4-FFF2-40B4-BE49-F238E27FC236}">
                <a16:creationId xmlns:a16="http://schemas.microsoft.com/office/drawing/2014/main" id="{040148EF-B3F9-0234-3C7B-8F4391056EA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836919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8">
            <a:extLst>
              <a:ext uri="{FF2B5EF4-FFF2-40B4-BE49-F238E27FC236}">
                <a16:creationId xmlns:a16="http://schemas.microsoft.com/office/drawing/2014/main" id="{3FCDB523-13E4-846E-1F16-6A06845AA2D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700185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9">
            <a:extLst>
              <a:ext uri="{FF2B5EF4-FFF2-40B4-BE49-F238E27FC236}">
                <a16:creationId xmlns:a16="http://schemas.microsoft.com/office/drawing/2014/main" id="{4E17EF9E-4CDD-AA45-2AF9-EB633F433C1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592227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G_00000000000000000000000000000000_ShapeBelow10">
            <a:extLst>
              <a:ext uri="{FF2B5EF4-FFF2-40B4-BE49-F238E27FC236}">
                <a16:creationId xmlns:a16="http://schemas.microsoft.com/office/drawing/2014/main" id="{53FACE94-1735-00B2-853C-AEE9226CD70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455493" y="1701800"/>
            <a:ext cx="0" cy="476601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7" name="OTLSHAPE_SLT_f98e67e89b964212b189f69ffde4cc89_Shape">
            <a:extLst>
              <a:ext uri="{FF2B5EF4-FFF2-40B4-BE49-F238E27FC236}">
                <a16:creationId xmlns:a16="http://schemas.microsoft.com/office/drawing/2014/main" id="{7F9E9D23-699D-92A8-2886-45C8419717F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73241" y="2074122"/>
            <a:ext cx="1295400" cy="17051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4548ad2d1847453e95f6024d0d58f637_Shape">
            <a:extLst>
              <a:ext uri="{FF2B5EF4-FFF2-40B4-BE49-F238E27FC236}">
                <a16:creationId xmlns:a16="http://schemas.microsoft.com/office/drawing/2014/main" id="{A2BB6CB1-981C-602C-EF5F-9672184E7BE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880384" y="2453259"/>
            <a:ext cx="1066800" cy="17051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" name="OTLSHAPE_SLT_9a66e71bd8b141f39bee269d49c39b67_Shape">
            <a:extLst>
              <a:ext uri="{FF2B5EF4-FFF2-40B4-BE49-F238E27FC236}">
                <a16:creationId xmlns:a16="http://schemas.microsoft.com/office/drawing/2014/main" id="{38D04948-BB98-5C7F-FE97-FF470B296BB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86099" y="2832396"/>
            <a:ext cx="19685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1" name="OTLSHAPE_SLT_75152ded9a9941d899021304c3c4b7b0_Shape">
            <a:extLst>
              <a:ext uri="{FF2B5EF4-FFF2-40B4-BE49-F238E27FC236}">
                <a16:creationId xmlns:a16="http://schemas.microsoft.com/office/drawing/2014/main" id="{BDA91AB1-6FB9-0FF3-6B36-47CADEA5687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700387" y="3244215"/>
            <a:ext cx="1727200" cy="17051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" name="OTLSHAPE_SLT_3daaebc8d8384403846f3378b9698635_Shape">
            <a:extLst>
              <a:ext uri="{FF2B5EF4-FFF2-40B4-BE49-F238E27FC236}">
                <a16:creationId xmlns:a16="http://schemas.microsoft.com/office/drawing/2014/main" id="{0A79F305-C7BC-C0FB-CC00-0F8E8EA1001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556509" y="3686852"/>
            <a:ext cx="1498600" cy="170519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5" name="OTLSHAPE_SLT_2d83856c2c17421d80b0de12226942bc_Shape">
            <a:extLst>
              <a:ext uri="{FF2B5EF4-FFF2-40B4-BE49-F238E27FC236}">
                <a16:creationId xmlns:a16="http://schemas.microsoft.com/office/drawing/2014/main" id="{8F66E83A-2D9D-86FB-EE1D-EEFBF175439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110388" y="3686852"/>
            <a:ext cx="1270000" cy="170519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a388b88cb4b247a29b54444bb217ea72_Shape">
            <a:extLst>
              <a:ext uri="{FF2B5EF4-FFF2-40B4-BE49-F238E27FC236}">
                <a16:creationId xmlns:a16="http://schemas.microsoft.com/office/drawing/2014/main" id="{7EAD0813-A685-D327-C126-D3FF772AA58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376512" y="3686852"/>
            <a:ext cx="1384300" cy="170519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9" name="OTLSHAPE_SLT_15ae934479c942b4b4e55f122cf46b88_Shape">
            <a:extLst>
              <a:ext uri="{FF2B5EF4-FFF2-40B4-BE49-F238E27FC236}">
                <a16:creationId xmlns:a16="http://schemas.microsoft.com/office/drawing/2014/main" id="{1BD3D14E-0811-0E02-696D-D6A9A8C5636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542222" y="4129490"/>
            <a:ext cx="863600" cy="170519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SLT_863e3b1957574d61a4ccf71faa7f3cc1_Shape">
            <a:extLst>
              <a:ext uri="{FF2B5EF4-FFF2-40B4-BE49-F238E27FC236}">
                <a16:creationId xmlns:a16="http://schemas.microsoft.com/office/drawing/2014/main" id="{ECCF5C59-353A-5453-6F51-A1F298C0008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491814" y="4508627"/>
            <a:ext cx="1244600" cy="170519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3" name="OTLSHAPE_SLT_ddc4c82a11394375bf377e41d403e75b_Shape">
            <a:extLst>
              <a:ext uri="{FF2B5EF4-FFF2-40B4-BE49-F238E27FC236}">
                <a16:creationId xmlns:a16="http://schemas.microsoft.com/office/drawing/2014/main" id="{4C627EC6-794A-3115-D225-59968BF38D4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491814" y="4887764"/>
            <a:ext cx="6540500" cy="170519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0abcd9f800784a3c8816b12643a44a17_Shape">
            <a:extLst>
              <a:ext uri="{FF2B5EF4-FFF2-40B4-BE49-F238E27FC236}">
                <a16:creationId xmlns:a16="http://schemas.microsoft.com/office/drawing/2014/main" id="{DDCDB7FC-3F72-9C03-C91C-FAECDFD52E9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376512" y="5266902"/>
            <a:ext cx="2654300" cy="170519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7" name="OTLSHAPE_SLT_700d6ae2f59f4bf6b082e4709c45abef_Shape">
            <a:extLst>
              <a:ext uri="{FF2B5EF4-FFF2-40B4-BE49-F238E27FC236}">
                <a16:creationId xmlns:a16="http://schemas.microsoft.com/office/drawing/2014/main" id="{F23F29B1-7059-BD32-7744-4C84FBB9728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592228" y="5646039"/>
            <a:ext cx="1498600" cy="170519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9" name="OTLSHAPE_SLT_ccfdb9fe95d94598a10990398d7aa59d_Shape">
            <a:extLst>
              <a:ext uri="{FF2B5EF4-FFF2-40B4-BE49-F238E27FC236}">
                <a16:creationId xmlns:a16="http://schemas.microsoft.com/office/drawing/2014/main" id="{04D9C4A8-814F-C1B4-B1FA-A0D831E0F70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3241" y="6088676"/>
            <a:ext cx="10426700" cy="170519"/>
          </a:xfrm>
          <a:prstGeom prst="chevr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FD2768B-16F6-CA65-8AC6-DF58E4390E7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465" y="1651000"/>
            <a:ext cx="6959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40d56231f14640739f65a13e62b4dae3_Header">
            <a:extLst>
              <a:ext uri="{FF2B5EF4-FFF2-40B4-BE49-F238E27FC236}">
                <a16:creationId xmlns:a16="http://schemas.microsoft.com/office/drawing/2014/main" id="{37EDF356-0356-6FE1-A976-2BBB4A45993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273666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61" name="OTLSHAPE_SL_fe42fe17de2146dcac944cf499a0e37c_Header">
            <a:extLst>
              <a:ext uri="{FF2B5EF4-FFF2-40B4-BE49-F238E27FC236}">
                <a16:creationId xmlns:a16="http://schemas.microsoft.com/office/drawing/2014/main" id="{E7680EE1-7567-0C0B-88AF-D818B850A5B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76434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Test</a:t>
            </a:r>
          </a:p>
        </p:txBody>
      </p:sp>
      <p:sp>
        <p:nvSpPr>
          <p:cNvPr id="64" name="OTLSHAPE_SL_67fae15222954fa18572dc11f6e9f9dd_Header">
            <a:extLst>
              <a:ext uri="{FF2B5EF4-FFF2-40B4-BE49-F238E27FC236}">
                <a16:creationId xmlns:a16="http://schemas.microsoft.com/office/drawing/2014/main" id="{63396258-1C4C-67A7-39C9-8A271F22FB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4965255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67" name="OTLSHAPE_SL_3ae824a22a554df691c77ddf5b0a4169_Header">
            <a:extLst>
              <a:ext uri="{FF2B5EF4-FFF2-40B4-BE49-F238E27FC236}">
                <a16:creationId xmlns:a16="http://schemas.microsoft.com/office/drawing/2014/main" id="{DBA968A4-890C-6969-1B35-8EAE00799C5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6166167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1B27BA5-A293-2F42-2C59-B8E8EFF7560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764318" y="17018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60EB4B1-81D2-8BF8-4FCF-9E11DFFE1C1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20476" y="17864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D5A6FC3-B654-349E-2554-5FA871BD06E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07965" y="14817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F01CAA2-919B-DE34-7605-412764D598E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800007" y="14817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1DAB8C3-9652-DF48-3E70-D25FFB472E5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605722" y="14817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747785E-CED7-C923-68D8-CFB6FB1E4BB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497763" y="14817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73594A0-3E59-9844-5948-42AF2C2830E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361029" y="14817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5C6A9BA1-F149-5C95-CF9D-CC68405BC4E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253071" y="14817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9FF7640-1C09-7912-746D-108AD65479B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16337" y="14817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A34016C8-6EA8-D742-1668-C4BAC7B4431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008378" y="14817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F319FE28-D9CE-CE81-EDC2-5A5767E578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00420" y="1481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86118DB6-2CC0-0E18-4744-153D4DBE3C0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763686" y="14817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FB276231-6F4C-3751-3C7E-876E0FADBCE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655728" y="14817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F8FEC137-3F2A-03F9-1FF9-13987309B7E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518994" y="14817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88" name="OTLSHAPE_SLT_f98e67e89b964212b189f69ffde4cc89_JoinedDate">
            <a:extLst>
              <a:ext uri="{FF2B5EF4-FFF2-40B4-BE49-F238E27FC236}">
                <a16:creationId xmlns:a16="http://schemas.microsoft.com/office/drawing/2014/main" id="{0C6D1CF4-9993-D63F-65AE-A3588E9FE92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73241" y="22446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2"/>
                </a:solidFill>
                <a:latin typeface="Calibri" panose="020F0502020204030204" pitchFamily="34" charset="0"/>
              </a:rPr>
              <a:t>Jan 2 - Feb 15</a:t>
            </a:r>
          </a:p>
        </p:txBody>
      </p:sp>
      <p:sp>
        <p:nvSpPr>
          <p:cNvPr id="89" name="OTLSHAPE_SLT_f98e67e89b964212b189f69ffde4cc89_Title">
            <a:extLst>
              <a:ext uri="{FF2B5EF4-FFF2-40B4-BE49-F238E27FC236}">
                <a16:creationId xmlns:a16="http://schemas.microsoft.com/office/drawing/2014/main" id="{B9A5FC1F-1E70-3B9C-A09D-9C42B20B8B4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91366" y="2074122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llocate resources</a:t>
            </a:r>
          </a:p>
        </p:txBody>
      </p:sp>
      <p:sp>
        <p:nvSpPr>
          <p:cNvPr id="96" name="OTLSHAPE_SLT_4548ad2d1847453e95f6024d0d58f637_JoinedDate">
            <a:extLst>
              <a:ext uri="{FF2B5EF4-FFF2-40B4-BE49-F238E27FC236}">
                <a16:creationId xmlns:a16="http://schemas.microsoft.com/office/drawing/2014/main" id="{1226EFC4-EADE-6607-0E0C-D73DC2E524E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880384" y="2623778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2"/>
                </a:solidFill>
                <a:latin typeface="Calibri" panose="020F0502020204030204" pitchFamily="34" charset="0"/>
              </a:rPr>
              <a:t>Feb 6 - Mar 14</a:t>
            </a:r>
          </a:p>
        </p:txBody>
      </p:sp>
      <p:sp>
        <p:nvSpPr>
          <p:cNvPr id="97" name="OTLSHAPE_SLT_4548ad2d1847453e95f6024d0d58f637_Title">
            <a:extLst>
              <a:ext uri="{FF2B5EF4-FFF2-40B4-BE49-F238E27FC236}">
                <a16:creationId xmlns:a16="http://schemas.microsoft.com/office/drawing/2014/main" id="{678DC9C0-CD38-81A7-9DC1-7C19428D70C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998236" y="2453259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104" name="OTLSHAPE_SLT_9a66e71bd8b141f39bee269d49c39b67_JoinedDate">
            <a:extLst>
              <a:ext uri="{FF2B5EF4-FFF2-40B4-BE49-F238E27FC236}">
                <a16:creationId xmlns:a16="http://schemas.microsoft.com/office/drawing/2014/main" id="{A0C6E78A-5DB5-35DB-D984-FA3DDBA1634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86099" y="3035596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Mar 6 - May 12</a:t>
            </a:r>
          </a:p>
        </p:txBody>
      </p:sp>
      <p:sp>
        <p:nvSpPr>
          <p:cNvPr id="105" name="OTLSHAPE_SLT_9a66e71bd8b141f39bee269d49c39b67_Title">
            <a:extLst>
              <a:ext uri="{FF2B5EF4-FFF2-40B4-BE49-F238E27FC236}">
                <a16:creationId xmlns:a16="http://schemas.microsoft.com/office/drawing/2014/main" id="{0B02BBD2-EF8C-C3B3-8E93-96E96B9D6F1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979779" y="284873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112" name="OTLSHAPE_SLT_75152ded9a9941d899021304c3c4b7b0_JoinedDate">
            <a:extLst>
              <a:ext uri="{FF2B5EF4-FFF2-40B4-BE49-F238E27FC236}">
                <a16:creationId xmlns:a16="http://schemas.microsoft.com/office/drawing/2014/main" id="{8388C017-18FC-0560-2383-0B3FEB209B9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700387" y="3414734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May 15 - Jul 13</a:t>
            </a:r>
          </a:p>
        </p:txBody>
      </p:sp>
      <p:sp>
        <p:nvSpPr>
          <p:cNvPr id="113" name="OTLSHAPE_SLT_75152ded9a9941d899021304c3c4b7b0_Title">
            <a:extLst>
              <a:ext uri="{FF2B5EF4-FFF2-40B4-BE49-F238E27FC236}">
                <a16:creationId xmlns:a16="http://schemas.microsoft.com/office/drawing/2014/main" id="{16E16C29-E868-ED08-9341-35449C38DA7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14736" y="3244215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23" name="OTLSHAPE_SLT_3daaebc8d8384403846f3378b9698635_JoinedDate">
            <a:extLst>
              <a:ext uri="{FF2B5EF4-FFF2-40B4-BE49-F238E27FC236}">
                <a16:creationId xmlns:a16="http://schemas.microsoft.com/office/drawing/2014/main" id="{8A52E795-9FBF-8924-3121-780EECB40ED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556509" y="385737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May 10 - Jun 30</a:t>
            </a:r>
          </a:p>
        </p:txBody>
      </p:sp>
      <p:sp>
        <p:nvSpPr>
          <p:cNvPr id="124" name="OTLSHAPE_SLT_3daaebc8d8384403846f3378b9698635_Title">
            <a:extLst>
              <a:ext uri="{FF2B5EF4-FFF2-40B4-BE49-F238E27FC236}">
                <a16:creationId xmlns:a16="http://schemas.microsoft.com/office/drawing/2014/main" id="{50D78CE7-E431-8B6F-02B1-8C8ABE1F674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950079" y="3686852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131" name="OTLSHAPE_SLT_2d83856c2c17421d80b0de12226942bc_JoinedDate">
            <a:extLst>
              <a:ext uri="{FF2B5EF4-FFF2-40B4-BE49-F238E27FC236}">
                <a16:creationId xmlns:a16="http://schemas.microsoft.com/office/drawing/2014/main" id="{AF5E085E-93C1-08C3-05A4-384AD74884E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10388" y="385737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Jul 3 - Aug 15</a:t>
            </a:r>
          </a:p>
        </p:txBody>
      </p:sp>
      <p:sp>
        <p:nvSpPr>
          <p:cNvPr id="132" name="OTLSHAPE_SLT_2d83856c2c17421d80b0de12226942bc_Title">
            <a:extLst>
              <a:ext uri="{FF2B5EF4-FFF2-40B4-BE49-F238E27FC236}">
                <a16:creationId xmlns:a16="http://schemas.microsoft.com/office/drawing/2014/main" id="{C31BD60B-DA04-F839-A57F-06B274AA768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70229" y="3686852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39" name="OTLSHAPE_SLT_a388b88cb4b247a29b54444bb217ea72_JoinedDate">
            <a:extLst>
              <a:ext uri="{FF2B5EF4-FFF2-40B4-BE49-F238E27FC236}">
                <a16:creationId xmlns:a16="http://schemas.microsoft.com/office/drawing/2014/main" id="{EF8BF5A5-72CD-2AD2-B7A7-A2A66E0A5A9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376512" y="385737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2"/>
                </a:solidFill>
                <a:latin typeface="Calibri" panose="020F0502020204030204" pitchFamily="34" charset="0"/>
              </a:rPr>
              <a:t>Aug 16 - Oct 2</a:t>
            </a:r>
          </a:p>
        </p:txBody>
      </p:sp>
      <p:sp>
        <p:nvSpPr>
          <p:cNvPr id="140" name="OTLSHAPE_SLT_a388b88cb4b247a29b54444bb217ea72_Title">
            <a:extLst>
              <a:ext uri="{FF2B5EF4-FFF2-40B4-BE49-F238E27FC236}">
                <a16:creationId xmlns:a16="http://schemas.microsoft.com/office/drawing/2014/main" id="{FC8B9EBC-9561-7F45-F703-6BEAB05A782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675277" y="368685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150" name="OTLSHAPE_SLT_15ae934479c942b4b4e55f122cf46b88_JoinedDate">
            <a:extLst>
              <a:ext uri="{FF2B5EF4-FFF2-40B4-BE49-F238E27FC236}">
                <a16:creationId xmlns:a16="http://schemas.microsoft.com/office/drawing/2014/main" id="{7526C091-1717-1DB7-2789-0C22237DCA5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542222" y="4300008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2"/>
                </a:solidFill>
                <a:latin typeface="Calibri" panose="020F0502020204030204" pitchFamily="34" charset="0"/>
              </a:rPr>
              <a:t>Mar 1 - Mar 30</a:t>
            </a:r>
          </a:p>
        </p:txBody>
      </p:sp>
      <p:sp>
        <p:nvSpPr>
          <p:cNvPr id="151" name="OTLSHAPE_SLT_15ae934479c942b4b4e55f122cf46b88_Title">
            <a:extLst>
              <a:ext uri="{FF2B5EF4-FFF2-40B4-BE49-F238E27FC236}">
                <a16:creationId xmlns:a16="http://schemas.microsoft.com/office/drawing/2014/main" id="{93534025-5918-084B-A715-181CB19914B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84115" y="412949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58" name="OTLSHAPE_SLT_863e3b1957574d61a4ccf71faa7f3cc1_JoinedDate">
            <a:extLst>
              <a:ext uri="{FF2B5EF4-FFF2-40B4-BE49-F238E27FC236}">
                <a16:creationId xmlns:a16="http://schemas.microsoft.com/office/drawing/2014/main" id="{8A77B4E7-3493-2ADE-A5B9-5CCF6A35029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491814" y="4679146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Apr 3 - May 15</a:t>
            </a:r>
          </a:p>
        </p:txBody>
      </p:sp>
      <p:sp>
        <p:nvSpPr>
          <p:cNvPr id="159" name="OTLSHAPE_SLT_863e3b1957574d61a4ccf71faa7f3cc1_Title">
            <a:extLst>
              <a:ext uri="{FF2B5EF4-FFF2-40B4-BE49-F238E27FC236}">
                <a16:creationId xmlns:a16="http://schemas.microsoft.com/office/drawing/2014/main" id="{E9C9217F-88F4-E1E8-B46B-A6D271046EB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779008" y="450862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66" name="OTLSHAPE_SLT_ddc4c82a11394375bf377e41d403e75b_JoinedDate">
            <a:extLst>
              <a:ext uri="{FF2B5EF4-FFF2-40B4-BE49-F238E27FC236}">
                <a16:creationId xmlns:a16="http://schemas.microsoft.com/office/drawing/2014/main" id="{D8D6CAF8-B4E1-AB9D-06E5-65B60F8FD71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91814" y="505828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Apr 3 - Nov 15</a:t>
            </a:r>
          </a:p>
        </p:txBody>
      </p:sp>
      <p:sp>
        <p:nvSpPr>
          <p:cNvPr id="167" name="OTLSHAPE_SLT_ddc4c82a11394375bf377e41d403e75b_Title">
            <a:extLst>
              <a:ext uri="{FF2B5EF4-FFF2-40B4-BE49-F238E27FC236}">
                <a16:creationId xmlns:a16="http://schemas.microsoft.com/office/drawing/2014/main" id="{808AF090-5A8A-10E1-146F-AB4F9060CAE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143549" y="4887764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</a:t>
            </a:r>
          </a:p>
        </p:txBody>
      </p:sp>
      <p:sp>
        <p:nvSpPr>
          <p:cNvPr id="174" name="OTLSHAPE_SLT_0abcd9f800784a3c8816b12643a44a17_JoinedDate">
            <a:extLst>
              <a:ext uri="{FF2B5EF4-FFF2-40B4-BE49-F238E27FC236}">
                <a16:creationId xmlns:a16="http://schemas.microsoft.com/office/drawing/2014/main" id="{C0A95626-1B1C-9BD3-1004-132BFAB42CC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376512" y="5437420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Aug 16 - Nov 15</a:t>
            </a:r>
          </a:p>
        </p:txBody>
      </p:sp>
      <p:sp>
        <p:nvSpPr>
          <p:cNvPr id="175" name="OTLSHAPE_SLT_0abcd9f800784a3c8816b12643a44a17_Title">
            <a:extLst>
              <a:ext uri="{FF2B5EF4-FFF2-40B4-BE49-F238E27FC236}">
                <a16:creationId xmlns:a16="http://schemas.microsoft.com/office/drawing/2014/main" id="{525AB81E-C86F-BF53-6990-E06F8AB50E4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067271" y="526690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182" name="OTLSHAPE_SLT_700d6ae2f59f4bf6b082e4709c45abef_JoinedDate">
            <a:extLst>
              <a:ext uri="{FF2B5EF4-FFF2-40B4-BE49-F238E27FC236}">
                <a16:creationId xmlns:a16="http://schemas.microsoft.com/office/drawing/2014/main" id="{E0254360-DD73-ADC1-2C77-E8E9EFE4FF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592228" y="5816558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Nov 1 - Dec 22</a:t>
            </a:r>
          </a:p>
        </p:txBody>
      </p:sp>
      <p:sp>
        <p:nvSpPr>
          <p:cNvPr id="183" name="OTLSHAPE_SLT_700d6ae2f59f4bf6b082e4709c45abef_Title">
            <a:extLst>
              <a:ext uri="{FF2B5EF4-FFF2-40B4-BE49-F238E27FC236}">
                <a16:creationId xmlns:a16="http://schemas.microsoft.com/office/drawing/2014/main" id="{7E66FCD0-59B2-33DC-0779-DDB37D2AA7D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712896" y="564603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V2 development start</a:t>
            </a:r>
          </a:p>
        </p:txBody>
      </p:sp>
      <p:sp>
        <p:nvSpPr>
          <p:cNvPr id="193" name="OTLSHAPE_SLT_ccfdb9fe95d94598a10990398d7aa59d_JoinedDate">
            <a:extLst>
              <a:ext uri="{FF2B5EF4-FFF2-40B4-BE49-F238E27FC236}">
                <a16:creationId xmlns:a16="http://schemas.microsoft.com/office/drawing/2014/main" id="{BF9DC67D-DFF0-968F-3EDB-0503A71E12D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73241" y="625919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2"/>
                </a:solidFill>
                <a:latin typeface="Calibri" panose="020F0502020204030204" pitchFamily="34" charset="0"/>
              </a:rPr>
              <a:t>Jan 2 - Dec 29</a:t>
            </a:r>
          </a:p>
        </p:txBody>
      </p:sp>
      <p:sp>
        <p:nvSpPr>
          <p:cNvPr id="194" name="OTLSHAPE_SLT_ccfdb9fe95d94598a10990398d7aa59d_Title">
            <a:extLst>
              <a:ext uri="{FF2B5EF4-FFF2-40B4-BE49-F238E27FC236}">
                <a16:creationId xmlns:a16="http://schemas.microsoft.com/office/drawing/2014/main" id="{6CE2FFC9-AD99-ACE2-80C6-CCF8FDBEE32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529406" y="6088676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ngoing marketing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F898057-0CAE-5668-9715-4A66CEF3A4B0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1736507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1F488BF-4A37-6104-7CFF-B88DB84BB263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2542221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DE36AB4-24FA-8ACA-D5C9-6958E739ADE0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3434263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86303ED-F327-5437-20F7-1673026613A5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4297529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D050B95-FE36-E766-68C7-4DC119739E04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5189570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1B66D2D0-91DE-7E8E-7A01-B8E8C4E5C916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6052836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8FF6F354-C836-1362-B967-6820A0CF744A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6944878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0C0F9EA2-8C21-A662-6716-C02E668C2F77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7836919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0B2C549-81D9-4EBC-9C14-CEC573BC1AF9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8700185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6A8A8DCA-914F-D901-A1E8-883EAEF66E38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9592227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6DA94440-086E-3F1E-C8FD-26E9568E52E4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10455493" y="14859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b0758e31528948e0bb0887938f035d6d_Shape">
            <a:extLst>
              <a:ext uri="{FF2B5EF4-FFF2-40B4-BE49-F238E27FC236}">
                <a16:creationId xmlns:a16="http://schemas.microsoft.com/office/drawing/2014/main" id="{FADFC45F-946C-EBE8-493A-9CBB5863C1D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rot="16200000">
            <a:off x="1566828" y="31664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d87c232b134248c68986dc34c22537a4_Shape">
            <a:extLst>
              <a:ext uri="{FF2B5EF4-FFF2-40B4-BE49-F238E27FC236}">
                <a16:creationId xmlns:a16="http://schemas.microsoft.com/office/drawing/2014/main" id="{4E604ABB-8C1F-CAF4-6937-62269F27016D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rot="16200000">
            <a:off x="2573972" y="100423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0ee44462858d4524ab8b47cc3098de83_Shape">
            <a:extLst>
              <a:ext uri="{FF2B5EF4-FFF2-40B4-BE49-F238E27FC236}">
                <a16:creationId xmlns:a16="http://schemas.microsoft.com/office/drawing/2014/main" id="{42899701-B68C-F786-61FE-FF6EA558F685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rot="16200000">
            <a:off x="3408462" y="574294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6e21816e34c947b8a77a4ec609acd070_Shape">
            <a:extLst>
              <a:ext uri="{FF2B5EF4-FFF2-40B4-BE49-F238E27FC236}">
                <a16:creationId xmlns:a16="http://schemas.microsoft.com/office/drawing/2014/main" id="{1A6F2233-5B96-CBD6-F0DD-8586D149715C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rot="16200000">
            <a:off x="6027036" y="100423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9152ea47c58b40bcb511cfc8c9299484_Shape">
            <a:extLst>
              <a:ext uri="{FF2B5EF4-FFF2-40B4-BE49-F238E27FC236}">
                <a16:creationId xmlns:a16="http://schemas.microsoft.com/office/drawing/2014/main" id="{02CB56BB-D2F4-BB4E-955A-FAD5B7343504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rot="16200000">
            <a:off x="8760712" y="100423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323dcc12986647d38c3c3d3a2edbd4e0_Shape">
            <a:extLst>
              <a:ext uri="{FF2B5EF4-FFF2-40B4-BE49-F238E27FC236}">
                <a16:creationId xmlns:a16="http://schemas.microsoft.com/office/drawing/2014/main" id="{23F9AED0-8BC9-811A-7DAC-BB537F478B92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rot="16200000">
            <a:off x="9566426" y="31664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0758e31528948e0bb0887938f035d6d_Title">
            <a:extLst>
              <a:ext uri="{FF2B5EF4-FFF2-40B4-BE49-F238E27FC236}">
                <a16:creationId xmlns:a16="http://schemas.microsoft.com/office/drawing/2014/main" id="{345A4A9A-4A05-4F35-DCF4-FFCB1830AA5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763678" y="2032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9" name="OTLSHAPE_M_b0758e31528948e0bb0887938f035d6d_Date">
            <a:extLst>
              <a:ext uri="{FF2B5EF4-FFF2-40B4-BE49-F238E27FC236}">
                <a16:creationId xmlns:a16="http://schemas.microsoft.com/office/drawing/2014/main" id="{F646E4FD-F643-5215-6B49-D80058E8DD8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763678" y="37379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41" name="OTLSHAPE_M_d87c232b134248c68986dc34c22537a4_Title">
            <a:extLst>
              <a:ext uri="{FF2B5EF4-FFF2-40B4-BE49-F238E27FC236}">
                <a16:creationId xmlns:a16="http://schemas.microsoft.com/office/drawing/2014/main" id="{6C76495A-7F67-628C-C541-C9FB9C6EBF0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770822" y="89086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42" name="OTLSHAPE_M_d87c232b134248c68986dc34c22537a4_Date">
            <a:extLst>
              <a:ext uri="{FF2B5EF4-FFF2-40B4-BE49-F238E27FC236}">
                <a16:creationId xmlns:a16="http://schemas.microsoft.com/office/drawing/2014/main" id="{30849C77-DAC3-991B-7B04-7AC60A1BE05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770822" y="1061381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4" name="OTLSHAPE_M_0ee44462858d4524ab8b47cc3098de83_Title">
            <a:extLst>
              <a:ext uri="{FF2B5EF4-FFF2-40B4-BE49-F238E27FC236}">
                <a16:creationId xmlns:a16="http://schemas.microsoft.com/office/drawing/2014/main" id="{CADDFEEC-B65A-494E-1B4E-70DDDE26FEC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05312" y="460925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5" name="OTLSHAPE_M_0ee44462858d4524ab8b47cc3098de83_Date">
            <a:extLst>
              <a:ext uri="{FF2B5EF4-FFF2-40B4-BE49-F238E27FC236}">
                <a16:creationId xmlns:a16="http://schemas.microsoft.com/office/drawing/2014/main" id="{C2CCADA6-2BBA-7B29-E94C-2E8E969EC2E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605312" y="631444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47" name="OTLSHAPE_M_6e21816e34c947b8a77a4ec609acd070_Title">
            <a:extLst>
              <a:ext uri="{FF2B5EF4-FFF2-40B4-BE49-F238E27FC236}">
                <a16:creationId xmlns:a16="http://schemas.microsoft.com/office/drawing/2014/main" id="{E22F5CA2-31A9-45DA-9471-FAC4547BB3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223886" y="89086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48" name="OTLSHAPE_M_6e21816e34c947b8a77a4ec609acd070_Date">
            <a:extLst>
              <a:ext uri="{FF2B5EF4-FFF2-40B4-BE49-F238E27FC236}">
                <a16:creationId xmlns:a16="http://schemas.microsoft.com/office/drawing/2014/main" id="{8503632F-14AF-E597-4D68-9C56B912C9D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223886" y="106138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50" name="OTLSHAPE_M_9152ea47c58b40bcb511cfc8c9299484_Title">
            <a:extLst>
              <a:ext uri="{FF2B5EF4-FFF2-40B4-BE49-F238E27FC236}">
                <a16:creationId xmlns:a16="http://schemas.microsoft.com/office/drawing/2014/main" id="{98F1DC8A-E564-3FDB-D1F2-A3367EDC7EF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957562" y="89086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lease Candidate</a:t>
            </a:r>
          </a:p>
        </p:txBody>
      </p:sp>
      <p:sp>
        <p:nvSpPr>
          <p:cNvPr id="51" name="OTLSHAPE_M_9152ea47c58b40bcb511cfc8c9299484_Date">
            <a:extLst>
              <a:ext uri="{FF2B5EF4-FFF2-40B4-BE49-F238E27FC236}">
                <a16:creationId xmlns:a16="http://schemas.microsoft.com/office/drawing/2014/main" id="{806F1676-A469-7C5A-523B-C53D1FE9AE5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957562" y="1061381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53" name="OTLSHAPE_M_323dcc12986647d38c3c3d3a2edbd4e0_Title">
            <a:extLst>
              <a:ext uri="{FF2B5EF4-FFF2-40B4-BE49-F238E27FC236}">
                <a16:creationId xmlns:a16="http://schemas.microsoft.com/office/drawing/2014/main" id="{380CB7B4-8F9C-1A6D-1FA1-93D3BACA151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763276" y="20327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54" name="OTLSHAPE_M_323dcc12986647d38c3c3d3a2edbd4e0_Date">
            <a:extLst>
              <a:ext uri="{FF2B5EF4-FFF2-40B4-BE49-F238E27FC236}">
                <a16:creationId xmlns:a16="http://schemas.microsoft.com/office/drawing/2014/main" id="{AEB2935E-140E-682A-31FD-E13830ECCE4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63276" y="373795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pic>
        <p:nvPicPr>
          <p:cNvPr id="82" name="Picture 8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C1D6C039-97DA-6429-A198-A3CE3996484A}"/>
              </a:ext>
            </a:extLst>
          </p:cNvPr>
          <p:cNvPicPr>
            <a:picLocks noChangeAspect="1"/>
          </p:cNvPicPr>
          <p:nvPr/>
        </p:nvPicPr>
        <p:blipFill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62810" y="5239903"/>
            <a:ext cx="2333128" cy="321429"/>
          </a:xfrm>
          <a:prstGeom prst="rect">
            <a:avLst/>
          </a:prstGeom>
        </p:spPr>
      </p:pic>
      <p:sp>
        <p:nvSpPr>
          <p:cNvPr id="83" name="TextBox 82">
            <a:extLst>
              <a:ext uri="{FF2B5EF4-FFF2-40B4-BE49-F238E27FC236}">
                <a16:creationId xmlns:a16="http://schemas.microsoft.com/office/drawing/2014/main" id="{826DFA58-0BA3-A725-7D55-D4514D43BDAB}"/>
              </a:ext>
            </a:extLst>
          </p:cNvPr>
          <p:cNvSpPr txBox="1"/>
          <p:nvPr/>
        </p:nvSpPr>
        <p:spPr>
          <a:xfrm>
            <a:off x="5459987" y="203277"/>
            <a:ext cx="34904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u="sng" dirty="0"/>
              <a:t>Project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16977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yVDAwOjAwOjAwWiIsIkVuZERhdGUiOiIyMDIzLTAyLTE1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dHJ1ZSwiSXNJdGFsaWMiOmZhbHNlLCJJc1VuZGVybGluZWQiOmZhbHNlLCJQYXJlbnRTdHlsZSI6bnVsbH0sIkF1dG9TaXplIjowLCJGb3JlZ3JvdW5kIjp7IiRpZCI6IjEwIiwiQ29sb3IiOnsiJGlkIjoiMTE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Q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TAyLjAsIkhlaWdodCI6MTMuNDI2NjY2NjY2NjY2Njc3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kNhbGlicmkiLCJJc0JvbGQiOnRydWUsIklzSXRhbGljIjpmYWxzZSwiSXNVbmRlcmxpbmVkIjpmYWxzZSwiUGFyZW50U3R5bGUiOm51bGx9LCJBdXRvU2l6ZSI6MCwiRm9yZWdyb3VuZCI6eyIkaWQiOiI0MiIsIkNvbG9yIjp7IiRpZCI6IjQ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SwiRm9udE5hbWUiOiJDYWxpYnJpIiwiSXNCb2xkIjp0cnVlLCJJc0l0YWxpYyI6ZmFsc2UsIklzVW5kZXJsaW5lZCI6ZmFsc2UsIlBhcmVudFN0eWxlIjpudWxsfSwiQXV0b1NpemUiOjIsIkZvcmVncm91bmQiOnsiJGlkIjoiNTEiLCJDb2xvciI6eyIkaWQiOiI1MiIsIkEiOjI1NSwiUiI6NjgsIkciOjg0LCJCIjoxMDZ9fSwiTWF4V2lkdGgiOjYx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ODksIlIiOjAsIkciOjAsIkIiOjB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Zjk4ZTY3ZTgtOWI5Ni00MjEyLWIxODktZjY5ZmZkZTRjYzg5IiwiSW1wb3J0SWQiOiIxMDQyNyIsIlRpdGxlIjoiQWxsb2NhdGUgcmVzb3VyY2VzIiwiTm90ZSI6bnVsbCwiSHlwZXJsaW5rIjp7IiRpZCI6IjYxIiwiQWRkcmVzcyI6bnVsbCwiU3ViQWRkcmVzcyI6bnVsbH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nsiJGlkIjoiNzQiLCJMaW5lQ29sb3IiOm51bGwsIkxpbmVXZWlnaHQiOjAuMCwiTGluZVR5cGUiOjAsIlBhcmVudFN0eWxlIjpudWxsfSwiUGFyZW50U3R5bGUiOm51bGx9LCJEdXJhdGlvbl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NjgsIkciOjExNCwiQiI6MTk2fX0sIklzVmlzaWJsZSI6dHJ1ZSwiV2lkdGgiOjAuMCwiSGVpZ2h0IjoxMy40MjY2NjY2NjY2NjY2Nzc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pZCI6IjExMCIsIkEiOjg5LCJSIjowLCJHIjowLCJCIjow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4OSwiUiI6MCwiRyI6MCwiQiI6MH19LCJJc1Zpc2libGUiOnRydWUsIldpZHRoIjowLjAsIkhlaWdodCI6MC4wLCJCb3JkZXJTdHlsZSI6eyIkaWQiOiIxMjgiLCJMaW5lQ29sb3IiOm51bGwsIkxpbmVXZWlnaHQiOjAuMCwiTGluZVR5cGUiOjAsIlBhcmVudFN0eWxlIjpudWxsfSwiUGFyZW50U3R5bGUiOm51bGx9LCJEdXJhdGlvbl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GlkIjoiMTM5IiwiJHR5cGUiOiJOTFJFLkNvbW1vbi5Eb20uU29saWRDb2xvckJydXNoLCBOTFJFLkNvbW1vbiIsIkNvbG9yIjp7IiRpZCI6IjE0MCIsIkEiOjI1NSwiUiI6MjA0LCJHIjoyMDQsIkIiOjIwNH19LCJMaW5lV2VpZ2h0IjoxLjAsIkxpbmVUeXBlIjowLCJQYXJlbnRTdHlsZSI6bnVsbH0sIlZlcnRpY2FsQ29ubmVjdG9yU3R5bGUiOnsiJGlkIjoiMTQxIiwiTGluZUNvbG9yIjp7IiRpZCI6IjE0MiIsIiR0eXBlIjoiTkxSRS5Db21tb24uRG9tLlNvbGlkQ29sb3JCcnVzaCwgTkxSRS5Db21tb24iLCJDb2xvciI6eyIkaWQiOiIxNDM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MywiU3BhY2luZyI6MywiSXNCZWxvd1RpbWViYW5kIjp0cnVlLCJQZXJjZW50YWdlQ29tcGxldGVTaGFwZU9wYWNpdHkiOjM1LCJTaGFwZVN0eWxlIjp7IiRpZCI6IjE0NCIsIk1hcmdpbiI6eyIkaWQiOiIxNDUiLCJUb3AiOjAuMCwiTGVmdCI6NC4wLCJSaWdodCI6NC4wLCJCb3R0b20iOjAuMH0sIlBhZGRpbmciOnsiJGlkIjoiMTQ2IiwiVG9wIjowLjAsIkxlZnQiOjAuMCwiUmlnaHQiOjAuMCwiQm90dG9tIjowLjB9LCJCYWNrZ3JvdW5kIjp7IiRpZCI6IjE0NyIsIkNvbG9yIjp7IiRpZCI6IjE0OCIsIkEiOjI1NSwiUiI6NjgsIkciOjExNCwiQiI6MTk2fX0sIklzVmlzaWJsZSI6dHJ1ZSwiV2lkdGgiOjE1NS4wLCJIZWlnaHQiOjE2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lRpdGxlU3R5bGUiOnsiJGlkIjoiMTUyIiwiRm9udFNldHRpbmdzIjp7IiRpZCI6IjE1MyIsIkZvbnRTaXplIjoxMSwiRm9udE5hbWUiOiJDYWxpYnJpIiwiSXNCb2xkIjp0cnVlLCJJc0l0YWxpYyI6ZmFsc2UsIklzVW5kZXJsaW5lZCI6ZmFsc2UsIlBhcmVudFN0eWxlIjpudWxsfSwiQXV0b1NpemUiOjAsIkZvcmVncm91bmQiOnsiJGlkIjoiMTU0IiwiQ29sb3IiOnsiJGlkIjoiMTU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ODksIlIiOjAsIkciOjAsIkIiOjB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EsIkZvbnROYW1lIjoiQ2FsaWJyaSIsIklzQm9sZCI6dHJ1ZSwiSXNJdGFsaWMiOmZhbHNlLCJJc1VuZGVybGluZWQiOmZhbHNlLCJQYXJlbnRTdHlsZSI6bnVsbH0sIkF1dG9TaXplIjoyLCJGb3JlZ3JvdW5kIjp7IiRpZCI6IjE2MyIsIkNvbG9yIjp7IiRpZCI6IjE2NCIsIkEiOjI1NSwiUiI6NjgsIkciOjg0LCJCIjoxMDZ9fSwiTWF4V2lkdGgiOjcwLjA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g5LCJSIjowLCJHIjowLCJCIjowfX0sIklzVmlzaWJsZSI6dHJ1ZSwiV2lkdGgiOjAuMCwiSGVpZ2h0IjowLjAsIkJvcmRlclN0eWxlIjp7IiRpZCI6IjE2OSIsIkxpbmVDb2xvciI6bnVsbCwiTGluZVdlaWdodCI6MC4wLCJMaW5lVHlwZSI6MCwiUGFyZW50U3R5bGUiOm51bGx9LCJQYXJlbnRTdHlsZSI6bnVsbH0sIkRhdGVGb3JtYXQiOnsiJGlkIjoiM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g5LCJSIjowLCJHIjowLCJCIjowfX0sIklzVmlzaWJsZSI6dHJ1ZSwiV2lkdGgiOjAuMCwiSGVpZ2h0IjowLjAsIkJvcmRlclN0eWxlIjp7IiRpZCI6IjE4NiIsIkxpbmVDb2xvciI6bnVsbCwiTGluZVdlaWdodCI6MC4wLCJMaW5lVHlwZSI6MCwiUGFyZW50U3R5bGUiOm51bGx9LCJQYXJlbnRTdHlsZSI6bnVsbH0sIkR1cmF0aW9u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SwiRm9udE5hbWUiOiJDYWxpYnJpIiwiSXNCb2xkIjp0cnVlLCJJc0l0YWxpYyI6ZmFsc2UsIklzVW5kZXJsaW5lZCI6ZmFsc2UsIlBhcmVudFN0eWxlIjpudWxsfSwiQXV0b1NpemUiOjIsIkZvcmVncm91bmQiOnsiJGlkIjoiMjE1IiwiQ29sb3IiOnsiJGlkIjoiMjE2IiwiQSI6MjU1LCJSIjo2OCwiRyI6ODQsIkIiOjEwNn19LCJNYXhXaWR0aCI6Njg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CYWNrZ3JvdW5kU3R5bGUiOnsiJGlkIjoiMjQ0IiwiTWFyZ2luIjp7IiRpZCI6IjI0NSIsIlRvcCI6MC4wLCJMZWZ0IjowLjAsIlJpZ2h0IjowLjAsIkJvdHRvbSI6MC4wfSwiUGFkZGluZyI6eyIkaWQiOiIyNDYiLCJUb3AiOjAuMCwiTGVmdCI6MC4wLCJSaWdodCI6MC4wLCJCb3R0b20iOjAuMH0sIkJhY2tncm91bmQiOnsiJGlkIjoiMjQ3IiwiQ29sb3IiOnsiJGlkIjoiMjQ4IiwiQSI6NTEsIlIiOjE2NSwiRyI6MTY1LCJCIjoxNjV9fSwiSXNWaXNpYmxlIjp0cnVlLCJXaWR0aCI6MC4wLCJIZWlnaHQiOj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ODksIlIiOjAsIkciOjAsIkIiOjB9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Ib3Jpem9udGFsQ29ubmVjdG9yU3R5bGUiOnsiJGlkIjoiMzA3IiwiTGluZUNvbG9yIjp7IiRyZWYiOiIyNyJ9LCJMaW5lV2VpZ2h0IjoxLjAsIkxpbmVUeXBlIjowLCJQYXJlbnRTdHlsZSI6bnVsbH0sIlZlcnRpY2FsQ29ubmVjdG9yU3R5bGUiOnsiJGlkIjoiMzA4IiwiTGluZUNvbG9yIjp7IiRyZWYiOiIzMC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g5LCJSIjowLCJHIjowLCJCIjowfX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xLCJGb250TmFtZSI6IkNhbGlicmkiLCJJc0JvbGQiOnRydWUsIklzSXRhbGljIjpmYWxzZSwiSXNVbmRlcmxpbmVkIjpmYWxzZSwiUGFyZW50U3R5bGUiOm51bGx9LCJBdXRvU2l6ZSI6MiwiRm9yZWdyb3VuZCI6eyIkaWQiOiIzMjgiLCJDb2xvciI6eyIkaWQiOiIzMjkiLCJBIjoyNTUsIlIiOjY4LCJHIjo4NCwiQiI6MTA2fX0sIk1heFdpZHRoIjo3Mi4wLCJNYXhIZWlnaHQiOiJJbmZpbml0eSIsIlNtYXJ0Rm9yZWdyb3VuZElzQWN0aXZlIjpmYWxzZSwiSG9yaXpvbnRhbEFsaWdubWVudCI6MC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aWQiOiIzMzIiLCJDb2xvciI6eyIkaWQiOiIzMzMiLCJBIjo4OSwiUiI6MCwiRyI6MCwiQiI6MH19LCJJc1Zpc2libGUiOnRydWUsIldpZHRoIjowLjAsIkhlaWdodCI6MC4wLCJCb3JkZXJTdHlsZSI6eyIkaWQiOiIzMzQiLCJMaW5lQ29sb3IiOm51bGwsIkxpbmVXZWlnaHQiOjAuMCwiTGluZVR5cGUiOjAsIlBhcmVudFN0eWxlIjpudWxsfSwiUGFyZW50U3R5bGUiOm51bGx9LCJEYXRlRm9ybWF0Ijp7IiRpZCI6IjM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ODksIlIiOjAsIkciOjAsIkIiOjB9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GlkIjoiMzUzIiwiQ29sb3IiOnsiJGlkIjoiMz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aWQiOiIzNTgiLCJBIjo4OSwiUiI6MCwiRyI6MCwiQiI6MH19LCJJc1Zpc2libGUiOnRydWUsIldpZHRoIjowLjAsIkhlaWdodCI6MC4wLCJCb3JkZXJTdHlsZSI6eyIkaWQiOiIzNTkiLCJMaW5lQ29sb3IiOm51bGwsIkxpbmVXZWlnaHQiOjAuMCwiTGluZVR5cGUiOjAsIlBhcmVudFN0eWxlIjpudWxsfSwiUGFyZW50U3R5bGUiOm51bGx9LCJIb3Jpem9udGFsQ29ubmVjdG9yU3R5bGUiOnsiJGlkIjoiMzYwIiwiTGluZUNvbG9yIjp7IiRyZWYiOiIyNyJ9LCJMaW5lV2VpZ2h0IjoxLjAsIkxpbmVUeXBlIjowLCJQYXJlbnRTdHlsZSI6bnVsbH0sIlZlcnRpY2FsQ29ubmVjdG9yU3R5bGUiOnsiJGlkIjoiMzYxIiwiTGluZUNvbG9yIjp7IiRyZWYiOiIzMC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nRydWUsIlBlcmNlbnRhZ2VDb21wbGV0ZVNoYXBlT3BhY2l0eSI6MzUsIlNoYXBlU3R5bGUiOnsiJGlkIjoiMzYyIiwiTWFyZ2luIjp7IiRpZCI6IjM2MyIsIlRvcCI6MC4wLCJMZWZ0Ijo0LjAsIlJpZ2h0Ijo0LjAsIkJvdHRvbSI6MC4wfSwiUGFkZGluZyI6eyIkaWQiOiIzNjQiLCJUb3AiOjAuMCwiTGVmdCI6MC4wLCJSaWdodCI6MC4wLCJCb3R0b20iOjAuMH0sIkJhY2tncm91bmQiOnsiJGlkIjoiMzY1IiwiQ29sb3IiOnsiJGlkIjoiMzY2IiwiQSI6MjU1LCJSIjoyMzcsIkciOjEyNSwiQiI6NDl9fSwiSXNWaXNpYmxlIjp0cnVlLCJXaWR0aCI6MTAwLjAsIkhlaWdodCI6MTMuNDI2NjY2NjY2NjY2Njc3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UaXRsZVN0eWxlIjp7IiRpZCI6IjM3MCIsIkZvbnRTZXR0aW5ncyI6eyIkaWQiOiIzNzEiLCJGb250U2l6ZSI6MTEsIkZvbnROYW1lIjoiQ2FsaWJyaSIsIklzQm9sZCI6dHJ1ZSwiSXNJdGFsaWMiOmZhbHNlLCJJc1VuZGVybGluZWQiOmZhbHNlLCJQYXJlbnRTdHlsZSI6bnVsbH0sIkF1dG9TaXplIjowLCJGb3JlZ3JvdW5kIjp7IiRpZCI6IjM3MiIsIkNvbG9yIjp7IiRpZCI6IjM3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VGl0bGVTdHlsZSI6eyIkaWQiOiI0MjMiLCJGb250U2V0dGluZ3MiOnsiJGlkIjoiNDI0IiwiRm9udFNpemUiOjExLCJGb250TmFtZSI6IkNhbGlicmkiLCJJc0JvbGQiOnRydWUsIklzSXRhbGljIjpmYWxzZSwiSXNVbmRlcmxpbmVkIjpmYWxzZSwiUGFyZW50U3R5bGUiOm51bGx9LCJBdXRvU2l6ZSI6MCwiRm9yZWdyb3VuZCI6eyIkaWQiOiI0MjUiLCJDb2xvciI6eyIkaWQiOiI0Mj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DI3IiwiVG9wIjowLjAsIkxlZnQiOjAuMCwiUmlnaHQiOjAuMCwiQm90dG9tIjowLjB9LCJQYWRkaW5nIjp7IiRpZCI6IjQyOCIsIlRvcCI6MC4wLCJMZWZ0IjowLjAsIlJpZ2h0IjowLjAsIkJvdHRvbSI6MC4wfSwiQmFja2dyb3VuZCI6eyIkaWQiOiI0MjkiLCJDb2xvciI6eyIkaWQiOiI0MzAiLCJBIjo4OSwiUiI6MCwiRyI6MCwiQiI6MH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SwiRm9udE5hbWUiOiJDYWxpYnJpIiwiSXNCb2xkIjp0cnVlLCJJc0l0YWxpYyI6ZmFsc2UsIklzVW5kZXJsaW5lZCI6ZmFsc2UsIlBhcmVudFN0eWxlIjpudWxsfSwiQXV0b1NpemUiOjIsIkZvcmVncm91bmQiOnsiJGlkIjoiNDM0IiwiQ29sb3IiOnsiJGlkIjoiNDM1IiwiQSI6MjU1LCJSIjo2OCwiRyI6ODQsIkIiOjEwNn19LCJNYXhXaWR0aCI6NjQuMCwiTWF4SGVpZ2h0IjoiSW5maW5pdHki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ODksIlIiOjAsIkciOjAsIkIiOjB9fSwiSXNWaXNpYmxlIjp0cnVlLCJXaWR0aCI6MC4wLCJIZWlnaHQiOjAuMCwiQm9yZGVyU3R5bGUiOnsiJGlkIjoiNDQwIiwiTGluZUNvbG9yIjpudWxsLCJMaW5lV2VpZ2h0IjowLjAsIkxpbmVUeXBlIjowLCJQYXJlbnRTdHlsZSI6bnVsbH0sIlBhcmVudFN0eWxlIjpudWxsfSwiRGF0ZUZvcm1hdCI6eyIkaWQiOi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ODksIlIiOjAsIkciOjAsIkIiOjB9fSwiSXNWaXNpYmxlIjp0cnVlLCJXaWR0aCI6MC4wLCJIZWlnaHQiOjAuMCwiQm9yZGVyU3R5bGUiOnsiJGlkIjoiNTI1IiwiTGluZUNvbG9yIjpudWxsLCJMaW5lV2VpZ2h0IjowLjAsIkxpbmVUeXBlIjowLCJQYXJlbnRTdHlsZSI6bnVsbH0sIlBhcmVudFN0eWxlIjpudWxsfSwiSG9yaXpvbnRhbENvbm5lY3RvclN0eWxlIjp7IiRpZCI6IjUyNiIsIkxpbmVDb2xvciI6eyIkcmVmIjoiMjcifSwiTGluZVdlaWdodCI6MS4wLCJMaW5lVHlwZSI6MCwiUGFyZW50U3R5bGUiOm51bGx9LCJWZXJ0aWNhbENvbm5lY3RvclN0eWxlIjp7IiRpZCI6IjUyNy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UaXRsZVN0eWxlIjp7IiRpZCI6IjUzNiIsIkZvbnRTZXR0aW5ncyI6eyIkaWQiOiI1MzciLCJGb250U2l6ZSI6MTEsIkZvbnROYW1lIjoiQ2FsaWJyaSIsIklzQm9sZCI6dHJ1ZSwiSXNJdGFsaWMiOmZhbHNlLCJJc1VuZGVybGluZWQiOmZhbHNlLCJQYXJlbnRTdHlsZSI6bnVsbH0sIkF1dG9TaXplIjowLCJGb3JlZ3JvdW5kIjp7IiRpZCI6IjUzOCIsIkNvbG9yIjp7IiRpZCI6IjUz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g5LCJSIjowLCJHIjowLCJCIjow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xLCJGb250TmFtZSI6IkNhbGlicmkiLCJJc0JvbGQiOnRydWUsIklzSXRhbGljIjpmYWxzZSwiSXNVbmRlcmxpbmVkIjpmYWxzZSwiUGFyZW50U3R5bGUiOm51bGx9LCJBdXRvU2l6ZSI6MiwiRm9yZWdyb3VuZCI6eyIkaWQiOiI1NDciLCJDb2xvciI6eyIkaWQiOiI1NDgiLCJBIjoyNTUsIlIiOjY4LCJHIjo4NCwiQiI6MTA2fX0sIk1heFdpZHRoIjo2OC4wLCJNYXhIZWlnaHQiOiJJbmZpbml0eSIsIlNtYXJ0Rm9yZWdyb3VuZElzQWN0aXZlIjpmYWxzZSwiSG9yaXpvbnRhbEFsaWdubWVudCI6MCwiVmVydGljYWxBbGlnbm1lbnQiOjA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4OSwiUiI6MCwiRyI6MCwiQiI6MH1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4OSwiUiI6MCwiRyI6MCwiQiI6MH19LCJJc1Zpc2libGUiOnRydWUsIldpZHRoIjowLjAsIkhlaWdodCI6MC4wLCJCb3JkZXJTdHlsZSI6eyIkaWQiOiI1NzkiLCJMaW5lQ29sb3IiOm51bGwsIkxpbmVXZWlnaHQiOjAuMCwiTGluZVR5cGUiOjAsIlBhcmVudFN0eWxlIjpudWxsfSwiUGFyZW50U3R5bGUiOm51bGx9LCJIb3Jpem9udGFsQ29ubmVjdG9yU3R5bGUiOnsiJGlkIjoiNTgwIiwiTGluZUNvbG9yIjp7IiRyZWYiOiIyNyJ9LCJMaW5lV2VpZ2h0IjoxLjAsIkxpbmVUeXBlIjowLCJQYXJlbnRTdHlsZSI6bnVsbH0sIlZlcnRpY2FsQ29ubmVjdG9yU3R5bGUiOnsiJGlkIjoiNTgxIiwiTGluZUNvbG9yIjp7IiRyZWYiOiIzMC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aWQiOiI2MDUiLCJDb2xvciI6eyIkaWQiOiI2MDYiLCJBIjo4OSwiUiI6MCwiRyI6MCwiQiI6MH19LCJJc1Zpc2libGUiOnRydWUsIldpZHRoIjowLjAsIkhlaWdodCI6MC4wLCJCb3JkZXJTdHlsZSI6eyIkaWQiOiI2MDciLCJMaW5lQ29sb3IiOm51bGwsIkxpbmVXZWlnaHQiOjAuMCwiTGluZVR5cGUiOjAsIlBhcmVudFN0eWxlIjpudWxsfSwiUGFyZW50U3R5bGUiOm51bGx9LCJEYXRlRm9ybWF0Ijp7IiRpZCI6IjY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ODksIlIiOjAsIkciOjAsIkIiOjB9fSwiSXNWaXNpYmxlIjp0cnVlLCJXaWR0aCI6MC4wLCJIZWlnaHQiOjAuMCwiQm9yZGVyU3R5bGUiOnsiJGlkIjoiNjU5IiwiTGluZUNvbG9yIjpudWxsLCJMaW5lV2VpZ2h0IjowLjAsIkxpbmVUeXBlIjowLCJQYXJlbnRTdHlsZSI6bnVsbH0sIlBhcmVudFN0eWxlIjpudWxsfSwiRGF0ZUZvcm1hdCI6eyIkaWQiOiI2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7IiRpZCI6IjcyNiIsIkNvbG9yIjp7IiRpZCI6IjcyNyIsIkEiOjg5LCJSIjowLCJHIjowLCJCIjowfX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xMCwiRm9udE5hbWUiOiJDYWxpYnJpIiwiSXNCb2xkIjp0cnVlLCJJc0l0YWxpYyI6ZmFsc2UsIklzVW5kZXJsaW5lZCI6ZmFsc2UsIlBhcmVudFN0eWxlIjpudWxsfSwiQXV0b1NpemUiOjAsIkZvcmVncm91bmQiOnsiJGlkIjoiNzMxIiwiQ29sb3IiOnsiJGlkIjoiNzMy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ODksIlIiOjAsIkciOjAsIkIiOjB9fSwiSXNWaXNpYmxlIjp0cnVlLCJXaWR0aCI6MC4wLCJIZWlnaHQiOjAuMCwiQm9yZGVyU3R5bGUiOnsiJGlkIjoiNzM3IiwiTGluZUNvbG9yIjpudWxsLCJMaW5lV2VpZ2h0IjowLjAsIkxpbmVUeXBlIjowLCJQYXJlbnRTdHlsZSI6bnVsbH0sIlBhcmVudFN0eWxlIjpudWxsfSwiSG9yaXpvbnRhbENvbm5lY3RvclN0eWxlIjp7IiRpZCI6IjczOCIsIkxpbmVDb2xvciI6eyIkcmVmIjoiMjcifSwiTGluZVdlaWdodCI6MS4wLCJMaW5lVHlwZSI6MCwiUGFyZW50U3R5bGUiOm51bGx9LCJWZXJ0aWNhbENvbm5lY3RvclN0eWxlIjp7IiRpZCI6IjczOS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NTAiLCJUb3AiOjAuMCwiTGVmdCI6MC4wLCJSaWdodCI6MC4wLCJCb3R0b20iOjAuMH0sIlBhZGRpbmciOnsiJGlkIjoiNzUxIiwiVG9wIjowLjAsIkxlZnQiOjAuMCwiUmlnaHQiOjAuMCwiQm90dG9tIjowLjB9LCJCYWNrZ3JvdW5kIjp7IiRpZCI6Ijc1MiIsIkNvbG9yIjp7IiRpZCI6Ijc1MyIsIkEiOjg5LCJSIjowLCJHIjowLCJCIjow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xLCJGb250TmFtZSI6IkNhbGlicmkiLCJJc0JvbGQiOnRydWUsIklzSXRhbGljIjpmYWxzZSwiSXNVbmRlcmxpbmVkIjpmYWxzZSwiUGFyZW50U3R5bGUiOm51bGx9LCJBdXRvU2l6ZSI6MiwiRm9yZWdyb3VuZCI6eyIkaWQiOiI3NTciLCJDb2xvciI6eyIkaWQiOiI3NTgiLCJBIjoyNTUsIlIiOjY4LCJHIjo4NCwiQiI6MTA2fX0sIk1heFdpZHRoIjo2Ni4wLCJNYXhIZWlnaHQiOiJJbmZpbml0eSI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eyIkaWQiOiI3NjEiLCJDb2xvciI6eyIkaWQiOiI3NjIiLCJBIjo4OSwiUiI6MCwiRyI6MCwiQiI6MH19LCJJc1Zpc2libGUiOnRydWUsIldpZHRoIjowLjAsIkhlaWdodCI6MC4wLCJCb3JkZXJTdHlsZSI6eyIkaWQiOiI3NjMiLCJMaW5lQ29sb3IiOm51bGwsIkxpbmVXZWlnaHQiOjAuMCwiTGluZVR5cGUiOjAsIlBhcmVudFN0eWxlIjpudWxsfSwiUGFyZW50U3R5bGUiOm51bGx9LCJEYXRlRm9ybWF0Ijp7IiRpZCI6Ijc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jciLCJUb3AiOjAuMCwiTGVmdCI6MC4wLCJSaWdodCI6MC4wLCJCb3R0b20iOjAuMH0sIlBhZGRpbmciOnsiJGlkIjoiODY4IiwiVG9wIjowLjAsIkxlZnQiOjAuMCwiUmlnaHQiOjAuMCwiQm90dG9tIjowLjB9LCJCYWNrZ3JvdW5kIjp7IiRpZCI6Ijg2OSIsIkNvbG9yIjp7IiRpZCI6Ijg3MCIsIkEiOjg5LCJSIjowLCJHIjowLCJCIjow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pZCI6IjEwNzAiLCJDb2xvciI6eyIkaWQiOiIxMDcxIiwiQSI6ODksIlIiOjAsIkciOjAsIkIiOjB9fSwiSXNWaXNpYmxlIjp0cnVlLCJXaWR0aCI6MC4wLCJIZWlnaHQiOjAuMCwiQm9yZGVyU3R5bGUiOm51bGwsIlBhcmVudFN0eWxlIjpudWxsfSwiRGF0ZVN0eWxlIjp7IiRpZCI6IjEwNzIiLCJGb250U2V0dGluZ3MiOnsiJGlkIjoiMTA3MyIsIkZvbnRTaXplIjoxMCwiRm9udE5hbWUiOiJDYWxpYnJpIiwiSXNCb2xkIjpmYWxzZSwiSXNJdGFsaWMiOmZhbHNlLCJJc1VuZGVybGluZWQiOmZhbHNlLCJQYXJlbnRTdHlsZSI6bnVsbH0sIkF1dG9TaXplIjowLCJGb3JlZ3JvdW5kIjp7IiRpZCI6IjEwNzQiLCJDb2xvciI6eyIkaWQiOiIxMD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2IiwiVG9wIjowLjAsIkxlZnQiOjAuMCwiUmlnaHQiOjAuMCwiQm90dG9tIjowLjB9LCJQYWRkaW5nIjp7IiRpZCI6IjEwNzciLCJUb3AiOjAuMCwiTGVmdCI6MC4wLCJSaWdodCI6MC4wLCJCb3R0b20iOjAuMH0sIkJhY2tncm91bmQiOnsiJGlkIjoiMTA3OCIsIkNvbG9yIjp7IiRpZCI6IjEwNzkiLCJBIjo4OSwiUiI6MCwiRyI6MCwiQiI6MH19LCJJc1Zpc2libGUiOmZhbHNlLCJXaWR0aCI6MC4wLCJIZWlnaHQiOjAuMCwiQm9yZGVyU3R5bGUiOm51bGwsIlBhcmVudFN0eWxlIjpudWxsfSwiRGF0ZUZvcm1hdCI6eyIkaWQiOiIxM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bnVsbCwiUGFyZW50U3R5bGUiOm51bGx9LCJIb3Jpem9udGFsQ29ubmVjdG9yU3R5bGUiOnsiJGlkIjoiMTA5OSIsIkxpbmVDb2xvciI6eyIkcmVmIjoiMTM5In0sIkxpbmVXZWlnaHQiOjEuMCwiTGluZVR5cGUiOjAsIlBhcmVudFN0eWxlIjpudWxsfSwiVmVydGljYWxDb25uZWN0b3JTdHlsZSI6eyIkaWQiOiIxMTAwIiwiTGluZUNvbG9yIjp7IiRyZWYiOiIxNDIi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MTEiLCJUb3AiOjAuMCwiTGVmdCI6MC4wLCJSaWdodCI6MC4wLCJCb3R0b20iOjAuMH0sIlBhZGRpbmciOnsiJGlkIjoiMTExMiIsIlRvcCI6MC4wLCJMZWZ0IjowLjAsIlJpZ2h0IjowLjAsIkJvdHRvbSI6MC4wfSwiQmFja2dyb3VuZCI6eyIkaWQiOiIxMTEzIiwiQ29sb3IiOnsiJGlkIjoiMTExNCIsIkEiOjg5LCJSIjowLCJHIjowLCJCIjowfX0sIklzVmlzaWJsZSI6dHJ1ZSwiV2lkdGgiOjAuMCwiSGVpZ2h0IjowLjAsIkJvcmRlclN0eWxlIjpudWxsLCJQYXJlbnRTdHlsZSI6bnVsbH0sIkRh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aWQiOiIxMTIyIiwiQSI6ODksIlIiOjAsIkciOjAsIkIiOjB9fSwiSXNWaXNpYmxlIjp0cnVlLCJXaWR0aCI6MC4wLCJIZWlnaHQiOjAuMCwiQm9yZGVyU3R5bGUiOm51bGwsIlBhcmVudFN0eWxlIjpudWxsfSwiRGF0ZUZvcm1hdCI6eyIkaWQiOiIxMT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QiLCJGb3JtYXQiOjAsIklzVmlzaWJsZSI6ZmFsc2UsIkxhc3RLbm93blZpc2liaWxpdHlTdGF0ZSI6ZmFsc2V9LCJJc1Zpc2libGUiOnRydWUsIlBhcmVudFN0eWxlIjpudWxsLCJfZXhwbGljaXRseVNldCI6eyIkaWQiOiIxMTI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zkiLCJUb3AiOjAuMCwiTGVmdCI6MC4wLCJSaWdodCI6MC4wLCJCb3R0b20iOjAuMH0sIlBhZGRpbmciOnsiJGlkIjoiMTE0MCIsIlRvcCI6MC4wLCJMZWZ0IjowLjAsIlJpZ2h0IjowLjAsIkJvdHRvbSI6MC4wfSwiQmFja2dyb3VuZCI6eyIkaWQiOiIxMTQxIiwiQ29sb3IiOnsiJGlkIjoiMTE0MiIsIkEiOjg5LCJSIjowLCJHIjowLCJCIjowfX0sIklzVmlzaWJsZSI6dHJ1ZSwiV2lkdGgiOjAuMCwiSGVpZ2h0IjowLjAsIkJvcmRlclN0eWxlIjpudWxsLCJQYXJlbnRTdHlsZSI6bnVsbH0sIkRhdGVTdHlsZSI6eyIkaWQiOiIxMTQzIi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ODksIlIiOjAsIkciOjAsIkIiOjB9fSwiSXNWaXNpYmxlIjpmYWxzZSwiV2lkdGgiOjAuMCwiSGVpZ2h0IjowLjAsIkJvcmRlclN0eWxlIjpudWxsLCJQYXJlbnRTdHlsZSI6bnVsbH0sIkRhdGVGb3JtYXQiOnsiJGlkIjoiMTE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TIiLCJUb3AiOjAuMCwiTGVmdCI6MC4wLCJSaWdodCI6MC4wLCJCb3R0b20iOjAuMH0sIlBhZGRpbmciOnsiJGlkIjoiMTI5MyIsIlRvcCI6MC4wLCJMZWZ0IjowLjAsIlJpZ2h0IjowLjAsIkJvdHRvbSI6MC4wfSwiQmFja2dyb3VuZCI6eyIkaWQiOiIxMjk0IiwiQ29sb3IiOnsiJGlkIjoiMTI5NSIsIkEiOjg5LCJSIjowLCJHIjowLCJCIjowfX0sIklzVmlzaWJsZSI6dHJ1ZSwiV2lkdGgiOjAuMCwiSGVpZ2h0IjowLjAsIkJvcmRlclN0eWxlIjp7IiRpZCI6IjEyOTYiLCJMaW5lQ29sb3IiOm51bGwsIkxpbmVXZWlnaHQiOjAuMCwiTGluZVR5cGUiOjAsIlBhcmVudFN0eWxlIjpudWxsfSwiUGFyZW50U3R5bGUiOm51bGx9LCJEYXR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aWQiOiIxMzA0IiwiQSI6ODksIlIiOjAsIkciOjAsIkIiOjB9fSwiSXNWaXNpYmxlIjp0cnVlLCJXaWR0aCI6MC4wLCJIZWlnaHQiOjAuMCwiQm9yZGVyU3R5bGUiOnsiJGlkIjoiMTMwNSIsIkxpbmVDb2xvciI6bnVsbCwiTGluZVdlaWdodCI6MC4wLCJMaW5lVHlwZSI6MCwiUGFyZW50U3R5bGUiOm51bGx9LCJQYXJlbnRTdHlsZSI6bnVsbH0sIkRhdGVGb3JtYXQiOnsiJGlkIjoiMTMw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A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3LCJGaWxlUGF0aCI6bnVsbCwiVGltZUNvbmZpZ3VyYXRpb24iOnsiJGlkIjoiMTQyNSIsIlVzZVRpbWUiOmZhbHNlLCJXb3JrRGF5U3RhcnQiOiIwMDowMDowMCIsIldvcmtEYXlFbmQiOiIyMzo1OTowMCJ9LCJMYXN0VXNlZFRlbXBsYXRlSWQiOiI3MDliMzU0OS00OWEwLTRlNTgtYmE1Ny1mZGI5MTg5M2I2NDgiLCJGaXJzdFdlZWtPZlllYXIiOjAsIlBsYWNlTWlsZXN0b25lQXRUaGVCZWdpbm5pbmdPZlRoZURheSI6ZmFsc2UsIkRlcGVuZGVuY3lTY2hlZHVsaW5nU2V0dGluZ3MiOnsiJGlkIjoiMTQy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ecutive Review"/>
  <p:tag name="OTLDATE" val="2023-03-01T00:00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ecutive Decision"/>
  <p:tag name="OTLDATE" val="2023-03-30T00:00:00.0000000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Release"/>
  <p:tag name="OTLDATE" val="2023-06-29T00:00:00.0000000"/>
  <p:tag name="OTLPOSITIONONTASK" val="None"/>
  <p:tag name="OTLRELATEDTASKID" val="00000000-0000-0000-0000-00000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 Candidate"/>
  <p:tag name="OTLDATE" val="2023-10-02T00:00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lease"/>
  <p:tag name="OTLDATE" val="2023-10-30T00:00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0:00:00.0000000"/>
  <p:tag name="OTLENDDATE" val="2023-02-15T23:59:00.0000000"/>
  <p:tag name="OTLDURATIONFORMAT" val="day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6T00:00:00.0000000"/>
  <p:tag name="OTLENDDATE" val="2023-03-14T23:59:00.0000000"/>
  <p:tag name="OTLDURATIONFORMAT" val="day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6T00:00:00.0000000"/>
  <p:tag name="OTLENDDATE" val="2023-05-12T23:59:00.0000000"/>
  <p:tag name="OTLDURATIONFORMAT" val="day"/>
  <p:tag name="OTLSPACING" val="3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5T00:00:00.0000000"/>
  <p:tag name="OTLENDDATE" val="2023-07-13T23:59:00.0000000"/>
  <p:tag name="OTLDURATIONFORMAT" val="day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0T00:00:00.0000000"/>
  <p:tag name="OTLENDDATE" val="2023-06-30T23:59:00.0000000"/>
  <p:tag name="OTLDURATIONFORMAT" val="day"/>
  <p:tag name="OTLSPACING" val="3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3T00:00:00.0000000"/>
  <p:tag name="OTLENDDATE" val="2023-08-15T23:59:00.0000000"/>
  <p:tag name="OTLDURATIONFORMAT" val="day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6T00:00:00.0000000"/>
  <p:tag name="OTLENDDATE" val="2023-10-02T23:59:00.0000000"/>
  <p:tag name="OTLDURATIONFORMAT" val="day"/>
  <p:tag name="OTLSPACING" val="3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1T00:00:00.0000000"/>
  <p:tag name="OTLENDDATE" val="2023-03-30T23:59:00.0000000"/>
  <p:tag name="OTLDURATIONFORMAT" val="day"/>
  <p:tag name="OTLSPACING" val="3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3T00:00:00.0000000"/>
  <p:tag name="OTLENDDATE" val="2023-05-15T23:59:00.0000000"/>
  <p:tag name="OTLDURATIONFORMAT" val="day"/>
  <p:tag name="OTLSPACING" val="3"/>
  <p:tag name="OTLSHAPETHICKNESSTYPE" val="Thin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3T00:00:00.0000000"/>
  <p:tag name="OTLENDDATE" val="2023-11-15T23:59:00.0000000"/>
  <p:tag name="OTLDURATIONFORMAT" val="day"/>
  <p:tag name="OTLSPACING" val="3"/>
  <p:tag name="OTLSHAPETHICKNESSTYPE" val="Thi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6T00:00:00.0000000"/>
  <p:tag name="OTLENDDATE" val="2023-11-15T23:59:00.0000000"/>
  <p:tag name="OTLDURATIONFORMAT" val="day"/>
  <p:tag name="OTLSPACING" val="3"/>
  <p:tag name="OTLSHAPETHICKNESSTYPE" val="Thi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1T00:00:00.0000000"/>
  <p:tag name="OTLENDDATE" val="2023-12-22T23:59:00.0000000"/>
  <p:tag name="OTLDURATIONFORMAT" val="day"/>
  <p:tag name="OTLSPACING" val="3"/>
  <p:tag name="OTLSHAPETHICKNESSTYPE" val="Thi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0:00:00.0000000"/>
  <p:tag name="OTLENDDATE" val="2023-12-29T23:59:00.0000000"/>
  <p:tag name="OTLDURATIONFORMAT" val="day"/>
  <p:tag name="OTLSPACING" val="3"/>
  <p:tag name="OTLSHAPETHICKNESSTYPE" val="Thi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off"/>
  <p:tag name="OTLDATE" val="2023-01-25T00:00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5</Words>
  <Application>Microsoft Office PowerPoint</Application>
  <PresentationFormat>Widescreen</PresentationFormat>
  <Paragraphs>6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8-30T14:35:27Z</dcterms:created>
  <dcterms:modified xsi:type="dcterms:W3CDTF">2023-10-13T14:28:41Z</dcterms:modified>
</cp:coreProperties>
</file>